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82" d="100"/>
          <a:sy n="82" d="100"/>
        </p:scale>
        <p:origin x="581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0A5DFC-BA17-4A89-6EC5-A12752FEA08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C1A95F-8DFB-CAEC-0529-3C35C0C551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72834C-A46F-FA46-EFCB-7E61A9D5D2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12CE83-E068-87D9-7F40-C86CAEEBE5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D9697F-A7D0-2A54-7E9C-6567744D20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97174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E8EB26-ADCD-B4F7-D069-5EE631CD60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57BC2D6-5B8A-9C84-BDAF-E6DA00B09B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CEE734-1338-C86D-A5F9-B0E7C651AB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3AEAB0-50A6-F709-9AF2-94DA074DEC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516E45-2BD5-489B-5687-F685126B8C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90007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483D990-9416-E466-BFD0-D9FB3FBA19D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4411F08-DC64-2A0E-AB56-699EE8D819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EEC034-3B29-9FCE-D953-72DCA6D1B1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CB04B5-4000-031B-ACDD-4E8F3D9657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369C11A-C240-52DB-944A-C8D58C5C59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134445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A44441-1F6F-676E-5E80-72EA1DF07B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555827-4F6B-0E10-7CCF-CB6849A57A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9F0AE0-DF59-0B7B-49EB-4D7FA5B46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BC9508-3F19-A143-F7B7-9EF10E2B0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9A5944-C201-A983-7F8E-58C6A2AF93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364946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7170AE-06B1-CC93-83DE-6C09032533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6E4837F-14AA-B35B-82F7-E499D8F119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D2E5AC-A0C3-BBCC-544D-8619879190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49DFAF-85B5-DEAE-6664-F26C057EAC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B6FBF8-F03B-9F7D-3700-74B15F8348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33433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F39BEA-7CA6-BE11-5A79-6D816F3BA9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8E34E4-CA78-532A-2766-532F82588B5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7F2227-3EEE-B84A-B0E3-BC5EDCA4C68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EE03438-2B99-8CED-7903-DB6157276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A96F59-8AE8-613D-1387-92E5AE8D7F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E4FD6C5-DC60-AF02-E0CB-D8BDF007C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774255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D38C4-E7B8-C6A2-CE7F-C30DC4539A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EE7058-4483-743C-B970-362AC78F02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7BD1CBA-6C43-3211-2B14-5E0915B96B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D8AA41-C710-E7BD-5675-8C480187357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D19ADAA-67B1-E672-96E6-CB8FD0E88F3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DEA57C8-5F13-7623-5A56-C45F6F5920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EC8E04B-8CB8-84B4-A9D9-84F864F5BC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A178011-6258-6461-FE8D-1797424E60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392233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154C1F-20CD-2176-D6E8-53D372FB6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B6BD8E0-E73A-5AF8-D03D-B8352B107E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9D9FD4-04EF-3B47-AE9C-A67485F26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548674-7BCA-73A4-1518-09C2AF6B3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95067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A9CBC45-9FF6-83AE-612E-42B0040F9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C629CA-6101-C6FB-FA94-16D8122A9B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22015BD-6DA6-4765-FCF2-2F28A6FB69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55265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0D7DE6-0194-A1BA-FEC6-33D1E5CFD7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E0034EB-1781-61FB-E46E-A844D87FDA6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F7DC8A-3A51-D443-0119-ADA67AD4FF6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F00288-8203-03A4-022B-ED47AF69CF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D5A94EF-B5DF-3764-0BA9-EB9769E099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46CEE65-5BC5-D611-5D10-28B5788265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02189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A5C986-0C56-153B-B5BE-983E3CE941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17F2DC8-5E77-A252-E854-9BEC4FA897A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3CBEE25-4070-5F48-0599-843D1EC97E9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82E042-C1E2-FFFC-A5C8-6BE357525A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31DBDB6-2928-9B1A-6D79-B14B8D4120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E00A1D-73A8-1B9A-6BBD-6B5B886404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88998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2AC4D39-5447-D7DC-2F47-95D1B25A7D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B2C5AA-4664-58FA-B603-00626E34F0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6B032F-95B9-EC4A-B597-6968A0378C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9F306D-0B0C-4CBA-BFB1-4EB0DB4DFEF0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21C56B-849C-EA6F-EDC6-6EB0B23DFAB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9CA303-D562-4D66-C2B3-C6DD665B3AB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7910B39-DAED-4BF2-A6AC-8CE437975EB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163475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6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3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651759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844" name="OTLSHAPE_T_eb954275c5b54be590bee3d17b0ce8a3_RightVerticalConnector1"/>
          <p:cNvCxnSpPr/>
          <p:nvPr>
            <p:custDataLst>
              <p:tags r:id="rId2"/>
            </p:custDataLst>
          </p:nvPr>
        </p:nvCxnSpPr>
        <p:spPr>
          <a:xfrm>
            <a:off x="10963798" y="2865170"/>
            <a:ext cx="0" cy="34465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43" name="OTLSHAPE_T_eb954275c5b54be590bee3d17b0ce8a3_LeftVerticalConnector1"/>
          <p:cNvCxnSpPr/>
          <p:nvPr>
            <p:custDataLst>
              <p:tags r:id="rId3"/>
            </p:custDataLst>
          </p:nvPr>
        </p:nvCxnSpPr>
        <p:spPr>
          <a:xfrm>
            <a:off x="9190124" y="2865170"/>
            <a:ext cx="0" cy="30147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41" name="OTLSHAPE_T_50df4adda29a494cbe0e9e846865986b_RightVerticalConnector1"/>
          <p:cNvCxnSpPr/>
          <p:nvPr>
            <p:custDataLst>
              <p:tags r:id="rId4"/>
            </p:custDataLst>
          </p:nvPr>
        </p:nvCxnSpPr>
        <p:spPr>
          <a:xfrm>
            <a:off x="9938993" y="2865170"/>
            <a:ext cx="0" cy="31163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40" name="OTLSHAPE_T_50df4adda29a494cbe0e9e846865986b_LeftVerticalConnector1"/>
          <p:cNvCxnSpPr/>
          <p:nvPr>
            <p:custDataLst>
              <p:tags r:id="rId5"/>
            </p:custDataLst>
          </p:nvPr>
        </p:nvCxnSpPr>
        <p:spPr>
          <a:xfrm>
            <a:off x="8086488" y="2865170"/>
            <a:ext cx="0" cy="23543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8" name="OTLSHAPE_T_3a4a23b568c54ea58c3d039b8ca1da1b_RightVerticalConnector1"/>
          <p:cNvCxnSpPr/>
          <p:nvPr>
            <p:custDataLst>
              <p:tags r:id="rId6"/>
            </p:custDataLst>
          </p:nvPr>
        </p:nvCxnSpPr>
        <p:spPr>
          <a:xfrm>
            <a:off x="8362369" y="2865170"/>
            <a:ext cx="0" cy="27861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7" name="OTLSHAPE_T_3a4a23b568c54ea58c3d039b8ca1da1b_LeftVerticalConnector2"/>
          <p:cNvCxnSpPr/>
          <p:nvPr>
            <p:custDataLst>
              <p:tags r:id="rId7"/>
            </p:custDataLst>
          </p:nvPr>
        </p:nvCxnSpPr>
        <p:spPr>
          <a:xfrm>
            <a:off x="7101098" y="5391200"/>
            <a:ext cx="0" cy="20933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6" name="OTLSHAPE_T_3a4a23b568c54ea58c3d039b8ca1da1b_LeftVerticalConnector1"/>
          <p:cNvCxnSpPr/>
          <p:nvPr>
            <p:custDataLst>
              <p:tags r:id="rId8"/>
            </p:custDataLst>
          </p:nvPr>
        </p:nvCxnSpPr>
        <p:spPr>
          <a:xfrm>
            <a:off x="7101098" y="2865170"/>
            <a:ext cx="0" cy="23543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3" name="OTLSHAPE_T_d45e8f651eb34241b7613d55f188f72e_RightVerticalConnector1"/>
          <p:cNvCxnSpPr/>
          <p:nvPr>
            <p:custDataLst>
              <p:tags r:id="rId9"/>
            </p:custDataLst>
          </p:nvPr>
        </p:nvCxnSpPr>
        <p:spPr>
          <a:xfrm>
            <a:off x="8204707" y="2865170"/>
            <a:ext cx="0" cy="24559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2" name="OTLSHAPE_T_d45e8f651eb34241b7613d55f188f72e_LeftVerticalConnector1"/>
          <p:cNvCxnSpPr/>
          <p:nvPr>
            <p:custDataLst>
              <p:tags r:id="rId10"/>
            </p:custDataLst>
          </p:nvPr>
        </p:nvCxnSpPr>
        <p:spPr>
          <a:xfrm>
            <a:off x="6628111" y="2865170"/>
            <a:ext cx="0" cy="20241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6" name="OTLSHAPE_T_6a6e7149661c4d98ae22b9a84a20c0cd_RightVerticalConnector1"/>
          <p:cNvCxnSpPr/>
          <p:nvPr>
            <p:custDataLst>
              <p:tags r:id="rId11"/>
            </p:custDataLst>
          </p:nvPr>
        </p:nvCxnSpPr>
        <p:spPr>
          <a:xfrm>
            <a:off x="5958018" y="2865170"/>
            <a:ext cx="0" cy="17955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5" name="OTLSHAPE_T_6a6e7149661c4d98ae22b9a84a20c0cd_LeftVerticalConnector1"/>
          <p:cNvCxnSpPr/>
          <p:nvPr>
            <p:custDataLst>
              <p:tags r:id="rId12"/>
            </p:custDataLst>
          </p:nvPr>
        </p:nvCxnSpPr>
        <p:spPr>
          <a:xfrm>
            <a:off x="4223760" y="2865170"/>
            <a:ext cx="0" cy="10335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3" name="OTLSHAPE_T_9cde6d5d307b4df7b1464248cab7fef6_RightVerticalConnector1"/>
          <p:cNvCxnSpPr/>
          <p:nvPr>
            <p:custDataLst>
              <p:tags r:id="rId13"/>
            </p:custDataLst>
          </p:nvPr>
        </p:nvCxnSpPr>
        <p:spPr>
          <a:xfrm>
            <a:off x="5721525" y="2865170"/>
            <a:ext cx="0" cy="14653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2" name="OTLSHAPE_T_9cde6d5d307b4df7b1464248cab7fef6_LeftVerticalConnector2"/>
          <p:cNvCxnSpPr/>
          <p:nvPr>
            <p:custDataLst>
              <p:tags r:id="rId14"/>
            </p:custDataLst>
          </p:nvPr>
        </p:nvCxnSpPr>
        <p:spPr>
          <a:xfrm>
            <a:off x="3869019" y="4070400"/>
            <a:ext cx="0" cy="20933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1" name="OTLSHAPE_T_9cde6d5d307b4df7b1464248cab7fef6_LeftVerticalConnector1"/>
          <p:cNvCxnSpPr/>
          <p:nvPr>
            <p:custDataLst>
              <p:tags r:id="rId15"/>
            </p:custDataLst>
          </p:nvPr>
        </p:nvCxnSpPr>
        <p:spPr>
          <a:xfrm>
            <a:off x="3869019" y="2865170"/>
            <a:ext cx="0" cy="10335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8" name="OTLSHAPE_T_a521783cf3084313af760cd9c2923e3c_RightVerticalConnector1"/>
          <p:cNvCxnSpPr/>
          <p:nvPr>
            <p:custDataLst>
              <p:tags r:id="rId16"/>
            </p:custDataLst>
          </p:nvPr>
        </p:nvCxnSpPr>
        <p:spPr>
          <a:xfrm>
            <a:off x="4814966" y="2865170"/>
            <a:ext cx="0" cy="11351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7" name="OTLSHAPE_T_a521783cf3084313af760cd9c2923e3c_LeftVerticalConnector1"/>
          <p:cNvCxnSpPr/>
          <p:nvPr>
            <p:custDataLst>
              <p:tags r:id="rId17"/>
            </p:custDataLst>
          </p:nvPr>
        </p:nvCxnSpPr>
        <p:spPr>
          <a:xfrm>
            <a:off x="3041292" y="2865170"/>
            <a:ext cx="0" cy="7033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4" name="OTLSHAPE_T_c3d685d5ae854fb185925e527e534f28_RightVerticalConnector1"/>
          <p:cNvCxnSpPr/>
          <p:nvPr>
            <p:custDataLst>
              <p:tags r:id="rId18"/>
            </p:custDataLst>
          </p:nvPr>
        </p:nvCxnSpPr>
        <p:spPr>
          <a:xfrm>
            <a:off x="3435421" y="2865170"/>
            <a:ext cx="0" cy="8049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3" name="OTLSHAPE_T_c3d685d5ae854fb185925e527e534f28_LeftVerticalConnector1"/>
          <p:cNvCxnSpPr/>
          <p:nvPr>
            <p:custDataLst>
              <p:tags r:id="rId19"/>
            </p:custDataLst>
          </p:nvPr>
        </p:nvCxnSpPr>
        <p:spPr>
          <a:xfrm>
            <a:off x="2055902" y="3035138"/>
            <a:ext cx="0" cy="203200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1" name="OTLSHAPE_T_f3c770d8a6a24238a57b373ef9984550_RightVerticalConnector1"/>
          <p:cNvCxnSpPr/>
          <p:nvPr>
            <p:custDataLst>
              <p:tags r:id="rId20"/>
            </p:custDataLst>
          </p:nvPr>
        </p:nvCxnSpPr>
        <p:spPr>
          <a:xfrm>
            <a:off x="2725940" y="2865170"/>
            <a:ext cx="0" cy="4747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0" name="OTLSHAPE_T_f3c770d8a6a24238a57b373ef9984550_LeftVerticalConnector1"/>
          <p:cNvCxnSpPr/>
          <p:nvPr>
            <p:custDataLst>
              <p:tags r:id="rId21"/>
            </p:custDataLst>
          </p:nvPr>
        </p:nvCxnSpPr>
        <p:spPr>
          <a:xfrm>
            <a:off x="1661746" y="2865170"/>
            <a:ext cx="0" cy="47476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9" name="OTLSHAPE_T_eb954275c5b54be590bee3d17b0ce8a3_HorizontalConnector1"/>
          <p:cNvCxnSpPr>
            <a:cxnSpLocks/>
          </p:cNvCxnSpPr>
          <p:nvPr>
            <p:custDataLst>
              <p:tags r:id="rId22"/>
            </p:custDataLst>
          </p:nvPr>
        </p:nvCxnSpPr>
        <p:spPr>
          <a:xfrm flipV="1">
            <a:off x="896535" y="6311738"/>
            <a:ext cx="7804808" cy="0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8" name="OTLSHAPE_T_50df4adda29a494cbe0e9e846865986b_HorizontalConnector1"/>
          <p:cNvCxnSpPr>
            <a:cxnSpLocks/>
          </p:cNvCxnSpPr>
          <p:nvPr>
            <p:custDataLst>
              <p:tags r:id="rId23"/>
            </p:custDataLst>
          </p:nvPr>
        </p:nvCxnSpPr>
        <p:spPr>
          <a:xfrm flipV="1">
            <a:off x="896535" y="5981538"/>
            <a:ext cx="6703457" cy="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7" name="OTLSHAPE_T_3a4a23b568c54ea58c3d039b8ca1da1b_HorizontalConnector1"/>
          <p:cNvCxnSpPr>
            <a:cxnSpLocks/>
          </p:cNvCxnSpPr>
          <p:nvPr>
            <p:custDataLst>
              <p:tags r:id="rId24"/>
            </p:custDataLst>
          </p:nvPr>
        </p:nvCxnSpPr>
        <p:spPr>
          <a:xfrm flipV="1">
            <a:off x="896535" y="5651338"/>
            <a:ext cx="5727085" cy="0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6" name="OTLSHAPE_T_d45e8f651eb34241b7613d55f188f72e_HorizontalConnector1"/>
          <p:cNvCxnSpPr>
            <a:cxnSpLocks/>
            <a:endCxn id="46914" idx="1"/>
          </p:cNvCxnSpPr>
          <p:nvPr>
            <p:custDataLst>
              <p:tags r:id="rId25"/>
            </p:custDataLst>
          </p:nvPr>
        </p:nvCxnSpPr>
        <p:spPr>
          <a:xfrm>
            <a:off x="838072" y="5317445"/>
            <a:ext cx="5290294" cy="3694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5" name="OTLSHAPE_T_dbc50318743f4d6ba995fb3e7b4187d7_HorizontalConnector1"/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825416" y="4990938"/>
            <a:ext cx="4691351" cy="0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4" name="OTLSHAPE_T_6a6e7149661c4d98ae22b9a84a20c0cd_HorizontalConnector1"/>
          <p:cNvCxnSpPr>
            <a:cxnSpLocks/>
          </p:cNvCxnSpPr>
          <p:nvPr>
            <p:custDataLst>
              <p:tags r:id="rId27"/>
            </p:custDataLst>
          </p:nvPr>
        </p:nvCxnSpPr>
        <p:spPr>
          <a:xfrm flipV="1">
            <a:off x="825414" y="4660738"/>
            <a:ext cx="2898388" cy="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3" name="OTLSHAPE_T_9cde6d5d307b4df7b1464248cab7fef6_HorizontalConnector1"/>
          <p:cNvCxnSpPr>
            <a:cxnSpLocks/>
          </p:cNvCxnSpPr>
          <p:nvPr>
            <p:custDataLst>
              <p:tags r:id="rId28"/>
            </p:custDataLst>
          </p:nvPr>
        </p:nvCxnSpPr>
        <p:spPr>
          <a:xfrm flipV="1">
            <a:off x="825415" y="4330538"/>
            <a:ext cx="2557109" cy="0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2" name="OTLSHAPE_T_a521783cf3084313af760cd9c2923e3c_HorizontalConnector1"/>
          <p:cNvCxnSpPr>
            <a:cxnSpLocks/>
          </p:cNvCxnSpPr>
          <p:nvPr>
            <p:custDataLst>
              <p:tags r:id="rId29"/>
            </p:custDataLst>
          </p:nvPr>
        </p:nvCxnSpPr>
        <p:spPr>
          <a:xfrm>
            <a:off x="860933" y="4000338"/>
            <a:ext cx="1691578" cy="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1" name="OTLSHAPE_T_c3d685d5ae854fb185925e527e534f28_HorizontalConnector1"/>
          <p:cNvCxnSpPr>
            <a:cxnSpLocks/>
          </p:cNvCxnSpPr>
          <p:nvPr>
            <p:custDataLst>
              <p:tags r:id="rId30"/>
            </p:custDataLst>
          </p:nvPr>
        </p:nvCxnSpPr>
        <p:spPr>
          <a:xfrm flipV="1">
            <a:off x="860933" y="3670137"/>
            <a:ext cx="718084" cy="1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0" name="OTLSHAPE_T_f3c770d8a6a24238a57b373ef9984550_HorizontalConnector1"/>
          <p:cNvCxnSpPr>
            <a:cxnSpLocks/>
          </p:cNvCxnSpPr>
          <p:nvPr>
            <p:custDataLst>
              <p:tags r:id="rId31"/>
            </p:custDataLst>
          </p:nvPr>
        </p:nvCxnSpPr>
        <p:spPr>
          <a:xfrm flipV="1">
            <a:off x="825414" y="3339938"/>
            <a:ext cx="355636" cy="1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99" name="OTLSHAPE_M_dbb50f5633bf443f924a9b2a6c194bf9_Connector1"/>
          <p:cNvCxnSpPr/>
          <p:nvPr>
            <p:custDataLst>
              <p:tags r:id="rId32"/>
            </p:custDataLst>
          </p:nvPr>
        </p:nvCxnSpPr>
        <p:spPr>
          <a:xfrm>
            <a:off x="11312189" y="1104053"/>
            <a:ext cx="0" cy="1194188"/>
          </a:xfrm>
          <a:prstGeom prst="line">
            <a:avLst/>
          </a:prstGeom>
          <a:ln w="9525" cap="flat" cmpd="sng" algn="ctr">
            <a:solidFill>
              <a:srgbClr val="4BA3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dbc50318743f4d6ba995fb3e7b4187d7_LeftVerticalConnector1">
            <a:extLst>
              <a:ext uri="{FF2B5EF4-FFF2-40B4-BE49-F238E27FC236}">
                <a16:creationId xmlns:a16="http://schemas.microsoft.com/office/drawing/2014/main" id="{ADA13D90-E775-4DF6-A085-78C0F2505EB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997461" y="2865170"/>
            <a:ext cx="0" cy="20749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dbc50318743f4d6ba995fb3e7b4187d7_RightVerticalConnector1">
            <a:extLst>
              <a:ext uri="{FF2B5EF4-FFF2-40B4-BE49-F238E27FC236}">
                <a16:creationId xmlns:a16="http://schemas.microsoft.com/office/drawing/2014/main" id="{E4DE25A7-A9B8-4AB0-8577-074E0087137C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061655" y="2865170"/>
            <a:ext cx="0" cy="212576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e1997830e9164f1897ba2794adf520f5_Connector1">
            <a:extLst>
              <a:ext uri="{FF2B5EF4-FFF2-40B4-BE49-F238E27FC236}">
                <a16:creationId xmlns:a16="http://schemas.microsoft.com/office/drawing/2014/main" id="{396161CF-89FA-58A3-C93F-386A4B043C4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431575" y="1083955"/>
            <a:ext cx="0" cy="1214286"/>
          </a:xfrm>
          <a:prstGeom prst="line">
            <a:avLst/>
          </a:prstGeom>
          <a:ln w="9525" cap="flat" cmpd="sng" algn="ctr">
            <a:solidFill>
              <a:srgbClr val="4BA3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c3d685d5ae854fb185925e527e534f28_LeftVerticalConnector2">
            <a:extLst>
              <a:ext uri="{FF2B5EF4-FFF2-40B4-BE49-F238E27FC236}">
                <a16:creationId xmlns:a16="http://schemas.microsoft.com/office/drawing/2014/main" id="{A7720F7A-6301-C4AB-5915-5C3030C03F1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055902" y="3410000"/>
            <a:ext cx="0" cy="20933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a521783cf3084313af760cd9c2923e3c_LeftVerticalConnector2">
            <a:extLst>
              <a:ext uri="{FF2B5EF4-FFF2-40B4-BE49-F238E27FC236}">
                <a16:creationId xmlns:a16="http://schemas.microsoft.com/office/drawing/2014/main" id="{E006CEFB-7D02-B81B-61DB-7291969E6F6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041292" y="3771738"/>
            <a:ext cx="0" cy="22860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6a6e7149661c4d98ae22b9a84a20c0cd_LeftVerticalConnector2">
            <a:extLst>
              <a:ext uri="{FF2B5EF4-FFF2-40B4-BE49-F238E27FC236}">
                <a16:creationId xmlns:a16="http://schemas.microsoft.com/office/drawing/2014/main" id="{2A07DEF0-E9D2-98A4-5018-E0755F6337C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223760" y="4070400"/>
            <a:ext cx="0" cy="15853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6a6e7149661c4d98ae22b9a84a20c0cd_LeftVerticalConnector3">
            <a:extLst>
              <a:ext uri="{FF2B5EF4-FFF2-40B4-BE49-F238E27FC236}">
                <a16:creationId xmlns:a16="http://schemas.microsoft.com/office/drawing/2014/main" id="{0AE4E468-926F-EC0F-737E-C74A8D6F29D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4223760" y="4432138"/>
            <a:ext cx="0" cy="22860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d45e8f651eb34241b7613d55f188f72e_LeftVerticalConnector2">
            <a:extLst>
              <a:ext uri="{FF2B5EF4-FFF2-40B4-BE49-F238E27FC236}">
                <a16:creationId xmlns:a16="http://schemas.microsoft.com/office/drawing/2014/main" id="{30CB7D16-51AC-8A4A-AA63-D65F67DEB25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628111" y="5061000"/>
            <a:ext cx="0" cy="260139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50df4adda29a494cbe0e9e846865986b_LeftVerticalConnector2">
            <a:extLst>
              <a:ext uri="{FF2B5EF4-FFF2-40B4-BE49-F238E27FC236}">
                <a16:creationId xmlns:a16="http://schemas.microsoft.com/office/drawing/2014/main" id="{127D6FC4-A3ED-0714-60E3-1EE11164405A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086488" y="5422738"/>
            <a:ext cx="0" cy="127000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50df4adda29a494cbe0e9e846865986b_LeftVerticalConnector3">
            <a:extLst>
              <a:ext uri="{FF2B5EF4-FFF2-40B4-BE49-F238E27FC236}">
                <a16:creationId xmlns:a16="http://schemas.microsoft.com/office/drawing/2014/main" id="{C5330D89-104E-1ED5-8BF9-AE5AD558F3B8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086488" y="5721400"/>
            <a:ext cx="0" cy="260138"/>
          </a:xfrm>
          <a:prstGeom prst="line">
            <a:avLst/>
          </a:prstGeom>
          <a:ln w="9525" cap="flat" cmpd="sng" algn="ctr">
            <a:solidFill>
              <a:srgbClr val="BA324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b954275c5b54be590bee3d17b0ce8a3_LeftVerticalConnector2">
            <a:extLst>
              <a:ext uri="{FF2B5EF4-FFF2-40B4-BE49-F238E27FC236}">
                <a16:creationId xmlns:a16="http://schemas.microsoft.com/office/drawing/2014/main" id="{1D3BA979-7218-BC9F-FFFF-1542E0C0DB13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190124" y="6051600"/>
            <a:ext cx="0" cy="209338"/>
          </a:xfrm>
          <a:prstGeom prst="line">
            <a:avLst/>
          </a:prstGeom>
          <a:ln w="9525" cap="flat" cmpd="sng" algn="ctr">
            <a:solidFill>
              <a:srgbClr val="17567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FE480B5C-4D53-553E-5205-E2722F4D1EF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15772" y="2298242"/>
            <a:ext cx="10769600" cy="182880"/>
          </a:xfrm>
          <a:prstGeom prst="round2SameRect">
            <a:avLst/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MiddleScaleContainer">
            <a:extLst>
              <a:ext uri="{FF2B5EF4-FFF2-40B4-BE49-F238E27FC236}">
                <a16:creationId xmlns:a16="http://schemas.microsoft.com/office/drawing/2014/main" id="{8FDE0ECC-2563-CA76-97C8-F2B677A1F41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5772" y="2490266"/>
            <a:ext cx="10769600" cy="182880"/>
          </a:xfrm>
          <a:prstGeom prst="rect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TB_00000000000000000000000000000000_BottomScaleContainer">
            <a:extLst>
              <a:ext uri="{FF2B5EF4-FFF2-40B4-BE49-F238E27FC236}">
                <a16:creationId xmlns:a16="http://schemas.microsoft.com/office/drawing/2014/main" id="{3DBEB08C-1A67-3388-A788-3A1D7BC6109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5772" y="2682290"/>
            <a:ext cx="10769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BA3C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B_00000000000000000000000000000000_ElapsedTime">
            <a:extLst>
              <a:ext uri="{FF2B5EF4-FFF2-40B4-BE49-F238E27FC236}">
                <a16:creationId xmlns:a16="http://schemas.microsoft.com/office/drawing/2014/main" id="{E535841F-CDA8-ED3E-6DBB-55B05A8AB1D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15772" y="2827375"/>
            <a:ext cx="1371600" cy="37795"/>
          </a:xfrm>
          <a:prstGeom prst="rect">
            <a:avLst/>
          </a:prstGeom>
          <a:solidFill>
            <a:srgbClr val="EEECE1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786" name="OTLSHAPE_TB_00000000000000000000000000000000_TodayMarkerShape"/>
          <p:cNvSpPr/>
          <p:nvPr>
            <p:custDataLst>
              <p:tags r:id="rId48"/>
            </p:custDataLst>
          </p:nvPr>
        </p:nvSpPr>
        <p:spPr>
          <a:xfrm>
            <a:off x="2057028" y="2865170"/>
            <a:ext cx="63500" cy="6096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/>
          <p:cNvSpPr txBox="1"/>
          <p:nvPr>
            <p:custDataLst>
              <p:tags r:id="rId49"/>
            </p:custDataLst>
          </p:nvPr>
        </p:nvSpPr>
        <p:spPr>
          <a:xfrm>
            <a:off x="1950460" y="2926130"/>
            <a:ext cx="267702" cy="1090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88" name="OTLSHAPE_TB_00000000000000000000000000000000_TimescaleInterval1"/>
          <p:cNvSpPr txBox="1"/>
          <p:nvPr>
            <p:custDataLst>
              <p:tags r:id="rId50"/>
            </p:custDataLst>
          </p:nvPr>
        </p:nvSpPr>
        <p:spPr>
          <a:xfrm>
            <a:off x="779272" y="2311831"/>
            <a:ext cx="28854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2024</a:t>
            </a:r>
          </a:p>
        </p:txBody>
      </p:sp>
      <p:sp>
        <p:nvSpPr>
          <p:cNvPr id="46789" name="OTLSHAPE_TB_00000000000000000000000000000000_TimescaleInterval2"/>
          <p:cNvSpPr txBox="1"/>
          <p:nvPr>
            <p:custDataLst>
              <p:tags r:id="rId51"/>
            </p:custDataLst>
          </p:nvPr>
        </p:nvSpPr>
        <p:spPr>
          <a:xfrm>
            <a:off x="9214209" y="2311831"/>
            <a:ext cx="28854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2025</a:t>
            </a:r>
          </a:p>
        </p:txBody>
      </p:sp>
      <p:sp>
        <p:nvSpPr>
          <p:cNvPr id="11" name="OTLSHAPE_TB_00000000000000000000000000000000_MiddleTimescaleInterval1">
            <a:extLst>
              <a:ext uri="{FF2B5EF4-FFF2-40B4-BE49-F238E27FC236}">
                <a16:creationId xmlns:a16="http://schemas.microsoft.com/office/drawing/2014/main" id="{7DA10C9F-C733-2BB1-E8AB-3A7321CF1FE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79272" y="2503855"/>
            <a:ext cx="17953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6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36" name="OTLSHAPE_TB_00000000000000000000000000000000_MiddleTimescaleInterval2">
            <a:extLst>
              <a:ext uri="{FF2B5EF4-FFF2-40B4-BE49-F238E27FC236}">
                <a16:creationId xmlns:a16="http://schemas.microsoft.com/office/drawing/2014/main" id="{AF38C52C-5D15-7334-F0CF-B974606069C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961740" y="2503855"/>
            <a:ext cx="17953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6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37" name="OTLSHAPE_TB_00000000000000000000000000000000_MiddleTimescaleInterval3">
            <a:extLst>
              <a:ext uri="{FF2B5EF4-FFF2-40B4-BE49-F238E27FC236}">
                <a16:creationId xmlns:a16="http://schemas.microsoft.com/office/drawing/2014/main" id="{D0A1F551-1B3C-E6F6-3314-BD8C509E42B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587974" y="2503855"/>
            <a:ext cx="17953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6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38" name="OTLSHAPE_TB_00000000000000000000000000000000_MiddleTimescaleInterval4">
            <a:extLst>
              <a:ext uri="{FF2B5EF4-FFF2-40B4-BE49-F238E27FC236}">
                <a16:creationId xmlns:a16="http://schemas.microsoft.com/office/drawing/2014/main" id="{7E11507A-77E5-740D-3267-CE71B1C241F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214209" y="2503855"/>
            <a:ext cx="17953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6">
                <a:solidFill>
                  <a:schemeClr val="lt1"/>
                </a:solidFill>
                <a:latin typeface="Century Gothic" panose="020B0502020202020204" pitchFamily="34" charset="0"/>
              </a:rPr>
              <a:t>Q1</a:t>
            </a:r>
          </a:p>
        </p:txBody>
      </p:sp>
      <p:sp>
        <p:nvSpPr>
          <p:cNvPr id="39" name="OTLSHAPE_TB_00000000000000000000000000000000_BottomTimescaleInterval1">
            <a:extLst>
              <a:ext uri="{FF2B5EF4-FFF2-40B4-BE49-F238E27FC236}">
                <a16:creationId xmlns:a16="http://schemas.microsoft.com/office/drawing/2014/main" id="{FF94FD75-BC51-A2B1-F595-ACB744CA69C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79272" y="2695879"/>
            <a:ext cx="21480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40" name="OTLSHAPE_TB_00000000000000000000000000000000_BottomTimescaleInterval2">
            <a:extLst>
              <a:ext uri="{FF2B5EF4-FFF2-40B4-BE49-F238E27FC236}">
                <a16:creationId xmlns:a16="http://schemas.microsoft.com/office/drawing/2014/main" id="{6F11ADDE-6C65-A659-6966-D6A23729F2E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961740" y="2695879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41" name="OTLSHAPE_TB_00000000000000000000000000000000_BottomTimescaleInterval3">
            <a:extLst>
              <a:ext uri="{FF2B5EF4-FFF2-40B4-BE49-F238E27FC236}">
                <a16:creationId xmlns:a16="http://schemas.microsoft.com/office/drawing/2014/main" id="{576673EF-C465-1BD2-67E7-0DDA2A79E5F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183623" y="2695879"/>
            <a:ext cx="25648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42" name="OTLSHAPE_TB_00000000000000000000000000000000_BottomTimescaleInterval4">
            <a:extLst>
              <a:ext uri="{FF2B5EF4-FFF2-40B4-BE49-F238E27FC236}">
                <a16:creationId xmlns:a16="http://schemas.microsoft.com/office/drawing/2014/main" id="{7E475402-18AA-1C22-9918-32772C07B1A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405506" y="2695879"/>
            <a:ext cx="23403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2">
                <a:solidFill>
                  <a:schemeClr val="lt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43" name="OTLSHAPE_TB_00000000000000000000000000000000_BottomTimescaleInterval5">
            <a:extLst>
              <a:ext uri="{FF2B5EF4-FFF2-40B4-BE49-F238E27FC236}">
                <a16:creationId xmlns:a16="http://schemas.microsoft.com/office/drawing/2014/main" id="{1A2B2E61-AA07-5A9E-4F01-7DCF4F7EC22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587974" y="2695879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44" name="OTLSHAPE_TB_00000000000000000000000000000000_BottomTimescaleInterval6">
            <a:extLst>
              <a:ext uri="{FF2B5EF4-FFF2-40B4-BE49-F238E27FC236}">
                <a16:creationId xmlns:a16="http://schemas.microsoft.com/office/drawing/2014/main" id="{EDC03517-89AF-B825-2873-8CC11DAF00D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809857" y="2695879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>
                <a:solidFill>
                  <a:schemeClr val="lt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45" name="OTLSHAPE_TB_00000000000000000000000000000000_BottomTimescaleInterval7">
            <a:extLst>
              <a:ext uri="{FF2B5EF4-FFF2-40B4-BE49-F238E27FC236}">
                <a16:creationId xmlns:a16="http://schemas.microsoft.com/office/drawing/2014/main" id="{52990A19-65AF-A55F-26C0-E779BDEDBA3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92325" y="2695879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46" name="OTLSHAPE_TB_00000000000000000000000000000000_BottomTimescaleInterval8">
            <a:extLst>
              <a:ext uri="{FF2B5EF4-FFF2-40B4-BE49-F238E27FC236}">
                <a16:creationId xmlns:a16="http://schemas.microsoft.com/office/drawing/2014/main" id="{4533B25A-716B-F554-A338-83A3F654AFC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214209" y="2695879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>
                <a:solidFill>
                  <a:schemeClr val="lt1"/>
                </a:solidFill>
                <a:latin typeface="Century Gothic" panose="020B0502020202020204" pitchFamily="34" charset="0"/>
              </a:rPr>
              <a:t>Jan</a:t>
            </a:r>
          </a:p>
        </p:txBody>
      </p:sp>
      <p:sp>
        <p:nvSpPr>
          <p:cNvPr id="47" name="OTLSHAPE_TB_00000000000000000000000000000000_BottomTimescaleInterval9">
            <a:extLst>
              <a:ext uri="{FF2B5EF4-FFF2-40B4-BE49-F238E27FC236}">
                <a16:creationId xmlns:a16="http://schemas.microsoft.com/office/drawing/2014/main" id="{1EEFED53-3620-2D84-F2BE-82859F6761C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436092" y="2695879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cxnSp>
        <p:nvCxnSpPr>
          <p:cNvPr id="46816" name="OTLSHAPE_TB_00000000000000000000000000000000_Separator1">
            <a:extLst>
              <a:ext uri="{FF2B5EF4-FFF2-40B4-BE49-F238E27FC236}">
                <a16:creationId xmlns:a16="http://schemas.microsoft.com/office/drawing/2014/main" id="{45D256B2-B453-D31C-6822-2635063C68F5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9150708" y="229824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_f3c770d8a6a24238a57b373ef9984550_Shape">
            <a:extLst>
              <a:ext uri="{FF2B5EF4-FFF2-40B4-BE49-F238E27FC236}">
                <a16:creationId xmlns:a16="http://schemas.microsoft.com/office/drawing/2014/main" id="{2D6F1680-D1F5-5796-8ACB-BEF68B5C04DA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661746" y="3238338"/>
            <a:ext cx="1066800" cy="203200"/>
          </a:xfrm>
          <a:prstGeom prst="homePlate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19" name="OTLSHAPE_T_c3d685d5ae854fb185925e527e534f28_Shape">
            <a:extLst>
              <a:ext uri="{FF2B5EF4-FFF2-40B4-BE49-F238E27FC236}">
                <a16:creationId xmlns:a16="http://schemas.microsoft.com/office/drawing/2014/main" id="{34CE41F3-CEE3-3D80-ABA7-63D905F89BA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055902" y="3568538"/>
            <a:ext cx="13843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a521783cf3084313af760cd9c2923e3c_Shape">
            <a:extLst>
              <a:ext uri="{FF2B5EF4-FFF2-40B4-BE49-F238E27FC236}">
                <a16:creationId xmlns:a16="http://schemas.microsoft.com/office/drawing/2014/main" id="{915553EF-6582-BBFC-50E7-DA74543C14B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041292" y="3898738"/>
            <a:ext cx="1778000" cy="203200"/>
          </a:xfrm>
          <a:prstGeom prst="homePlate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24" name="OTLSHAPE_T_9cde6d5d307b4df7b1464248cab7fef6_Shape">
            <a:extLst>
              <a:ext uri="{FF2B5EF4-FFF2-40B4-BE49-F238E27FC236}">
                <a16:creationId xmlns:a16="http://schemas.microsoft.com/office/drawing/2014/main" id="{9F140729-A900-37AE-2D93-39B3474B72A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869019" y="4228938"/>
            <a:ext cx="18542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6a6e7149661c4d98ae22b9a84a20c0cd_Shape">
            <a:extLst>
              <a:ext uri="{FF2B5EF4-FFF2-40B4-BE49-F238E27FC236}">
                <a16:creationId xmlns:a16="http://schemas.microsoft.com/office/drawing/2014/main" id="{3145156F-D281-F694-C3A6-6703F44268E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223760" y="4559138"/>
            <a:ext cx="1739900" cy="203200"/>
          </a:xfrm>
          <a:prstGeom prst="homePlate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28" name="OTLSHAPE_T_dbc50318743f4d6ba995fb3e7b4187d7_Shape">
            <a:extLst>
              <a:ext uri="{FF2B5EF4-FFF2-40B4-BE49-F238E27FC236}">
                <a16:creationId xmlns:a16="http://schemas.microsoft.com/office/drawing/2014/main" id="{6D36B5CB-6905-5315-ACCF-C6CEC268885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997461" y="4889338"/>
            <a:ext cx="10668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d45e8f651eb34241b7613d55f188f72e_Shape">
            <a:extLst>
              <a:ext uri="{FF2B5EF4-FFF2-40B4-BE49-F238E27FC236}">
                <a16:creationId xmlns:a16="http://schemas.microsoft.com/office/drawing/2014/main" id="{0796BF1E-FBB4-889D-D099-BB745DE4B15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628111" y="5219538"/>
            <a:ext cx="1587500" cy="203200"/>
          </a:xfrm>
          <a:prstGeom prst="homePlate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30" name="OTLSHAPE_T_3a4a23b568c54ea58c3d039b8ca1da1b_Shape">
            <a:extLst>
              <a:ext uri="{FF2B5EF4-FFF2-40B4-BE49-F238E27FC236}">
                <a16:creationId xmlns:a16="http://schemas.microsoft.com/office/drawing/2014/main" id="{5D9CD4DC-3BBE-335F-D080-5F1B0FC0D30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101098" y="5549738"/>
            <a:ext cx="12700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50df4adda29a494cbe0e9e846865986b_Shape">
            <a:extLst>
              <a:ext uri="{FF2B5EF4-FFF2-40B4-BE49-F238E27FC236}">
                <a16:creationId xmlns:a16="http://schemas.microsoft.com/office/drawing/2014/main" id="{5CD487AB-ACD0-06F0-0C0A-C257CDFC6F41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086488" y="5879938"/>
            <a:ext cx="1854200" cy="203200"/>
          </a:xfrm>
          <a:prstGeom prst="homePlate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34" name="OTLSHAPE_T_eb954275c5b54be590bee3d17b0ce8a3_Shape">
            <a:extLst>
              <a:ext uri="{FF2B5EF4-FFF2-40B4-BE49-F238E27FC236}">
                <a16:creationId xmlns:a16="http://schemas.microsoft.com/office/drawing/2014/main" id="{ADD5DD50-6AB4-56EA-B94C-71D3CA50E851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190124" y="6210138"/>
            <a:ext cx="17780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17567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5" name="OTLSHAPE_T_f3c770d8a6a24238a57b373ef9984550_JoinedDate"/>
          <p:cNvSpPr txBox="1"/>
          <p:nvPr>
            <p:custDataLst>
              <p:tags r:id="rId76"/>
            </p:custDataLst>
          </p:nvPr>
        </p:nvSpPr>
        <p:spPr>
          <a:xfrm>
            <a:off x="1893276" y="3269876"/>
            <a:ext cx="609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6/25 - 7/21</a:t>
            </a:r>
          </a:p>
        </p:txBody>
      </p:sp>
      <p:sp>
        <p:nvSpPr>
          <p:cNvPr id="46866" name="OTLSHAPE_T_f3c770d8a6a24238a57b373ef9984550_Duration"/>
          <p:cNvSpPr txBox="1"/>
          <p:nvPr>
            <p:custDataLst>
              <p:tags r:id="rId77"/>
            </p:custDataLst>
          </p:nvPr>
        </p:nvSpPr>
        <p:spPr>
          <a:xfrm>
            <a:off x="1181051" y="3270279"/>
            <a:ext cx="4318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BA324F"/>
                </a:solidFill>
                <a:latin typeface="Montserrat Medium" panose="00000600000000000000" pitchFamily="2" charset="0"/>
              </a:rPr>
              <a:t>27 days</a:t>
            </a:r>
          </a:p>
        </p:txBody>
      </p:sp>
      <p:sp>
        <p:nvSpPr>
          <p:cNvPr id="46867" name="OTLSHAPE_T_f3c770d8a6a24238a57b373ef9984550_Title"/>
          <p:cNvSpPr txBox="1"/>
          <p:nvPr>
            <p:custDataLst>
              <p:tags r:id="rId78"/>
            </p:custDataLst>
          </p:nvPr>
        </p:nvSpPr>
        <p:spPr>
          <a:xfrm>
            <a:off x="127000" y="3262087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BA324F"/>
                </a:solidFill>
                <a:latin typeface="Century Gothic" panose="020B0502020202020204" pitchFamily="34" charset="0"/>
              </a:rPr>
              <a:t>Task 1 Here</a:t>
            </a:r>
          </a:p>
        </p:txBody>
      </p:sp>
      <p:sp>
        <p:nvSpPr>
          <p:cNvPr id="46873" name="OTLSHAPE_T_c3d685d5ae854fb185925e527e534f28_JoinedDate"/>
          <p:cNvSpPr txBox="1"/>
          <p:nvPr>
            <p:custDataLst>
              <p:tags r:id="rId79"/>
            </p:custDataLst>
          </p:nvPr>
        </p:nvSpPr>
        <p:spPr>
          <a:xfrm>
            <a:off x="2509103" y="3600076"/>
            <a:ext cx="482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 dirty="0">
                <a:solidFill>
                  <a:schemeClr val="lt2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46874" name="OTLSHAPE_T_c3d685d5ae854fb185925e527e534f28_Duration"/>
          <p:cNvSpPr txBox="1"/>
          <p:nvPr>
            <p:custDataLst>
              <p:tags r:id="rId80"/>
            </p:custDataLst>
          </p:nvPr>
        </p:nvSpPr>
        <p:spPr>
          <a:xfrm>
            <a:off x="1579017" y="3600479"/>
            <a:ext cx="4318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175676"/>
                </a:solidFill>
                <a:latin typeface="Montserrat Medium" panose="00000600000000000000" pitchFamily="2" charset="0"/>
              </a:rPr>
              <a:t>35 days</a:t>
            </a: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81"/>
            </p:custDataLst>
          </p:nvPr>
        </p:nvSpPr>
        <p:spPr>
          <a:xfrm>
            <a:off x="127000" y="3592287"/>
            <a:ext cx="723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BA324F"/>
                </a:solidFill>
                <a:latin typeface="Century Gothic" panose="020B0502020202020204" pitchFamily="34" charset="0"/>
              </a:rPr>
              <a:t>Task 2 Here </a:t>
            </a:r>
          </a:p>
        </p:txBody>
      </p:sp>
      <p:sp>
        <p:nvSpPr>
          <p:cNvPr id="46881" name="OTLSHAPE_T_a521783cf3084313af760cd9c2923e3c_JoinedDate"/>
          <p:cNvSpPr txBox="1"/>
          <p:nvPr>
            <p:custDataLst>
              <p:tags r:id="rId82"/>
            </p:custDataLst>
          </p:nvPr>
        </p:nvSpPr>
        <p:spPr>
          <a:xfrm>
            <a:off x="3627562" y="3930276"/>
            <a:ext cx="609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46882" name="OTLSHAPE_T_a521783cf3084313af760cd9c2923e3c_Duration"/>
          <p:cNvSpPr txBox="1"/>
          <p:nvPr>
            <p:custDataLst>
              <p:tags r:id="rId83"/>
            </p:custDataLst>
          </p:nvPr>
        </p:nvSpPr>
        <p:spPr>
          <a:xfrm>
            <a:off x="2552511" y="3930679"/>
            <a:ext cx="4445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BA324F"/>
                </a:solidFill>
                <a:latin typeface="Montserrat Medium" panose="00000600000000000000" pitchFamily="2" charset="0"/>
              </a:rPr>
              <a:t>45 days</a:t>
            </a: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84"/>
            </p:custDataLst>
          </p:nvPr>
        </p:nvSpPr>
        <p:spPr>
          <a:xfrm>
            <a:off x="127000" y="3922487"/>
            <a:ext cx="723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BA324F"/>
                </a:solidFill>
                <a:latin typeface="Century Gothic" panose="020B0502020202020204" pitchFamily="34" charset="0"/>
              </a:rPr>
              <a:t>Task 3 Here </a:t>
            </a:r>
          </a:p>
        </p:txBody>
      </p:sp>
      <p:sp>
        <p:nvSpPr>
          <p:cNvPr id="46889" name="OTLSHAPE_T_9cde6d5d307b4df7b1464248cab7fef6_JoinedDate"/>
          <p:cNvSpPr txBox="1"/>
          <p:nvPr>
            <p:custDataLst>
              <p:tags r:id="rId85"/>
            </p:custDataLst>
          </p:nvPr>
        </p:nvSpPr>
        <p:spPr>
          <a:xfrm>
            <a:off x="4494705" y="4260476"/>
            <a:ext cx="609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 dirty="0">
                <a:solidFill>
                  <a:schemeClr val="lt2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86"/>
            </p:custDataLst>
          </p:nvPr>
        </p:nvSpPr>
        <p:spPr>
          <a:xfrm>
            <a:off x="127000" y="4252687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A324F"/>
                </a:solidFill>
                <a:latin typeface="Century Gothic" panose="020B0502020202020204" pitchFamily="34" charset="0"/>
              </a:rPr>
              <a:t>Task 4 Here</a:t>
            </a:r>
          </a:p>
        </p:txBody>
      </p:sp>
      <p:sp>
        <p:nvSpPr>
          <p:cNvPr id="46897" name="OTLSHAPE_T_6a6e7149661c4d98ae22b9a84a20c0cd_JoinedDate"/>
          <p:cNvSpPr txBox="1"/>
          <p:nvPr>
            <p:custDataLst>
              <p:tags r:id="rId87"/>
            </p:custDataLst>
          </p:nvPr>
        </p:nvSpPr>
        <p:spPr>
          <a:xfrm>
            <a:off x="4758318" y="4590676"/>
            <a:ext cx="6731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8/29 - 10/11</a:t>
            </a:r>
            <a:endParaRPr lang="en-US" sz="900" b="1" spc="-2" dirty="0">
              <a:solidFill>
                <a:schemeClr val="lt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8" name="OTLSHAPE_T_6a6e7149661c4d98ae22b9a84a20c0cd_Duration"/>
          <p:cNvSpPr txBox="1"/>
          <p:nvPr>
            <p:custDataLst>
              <p:tags r:id="rId88"/>
            </p:custDataLst>
          </p:nvPr>
        </p:nvSpPr>
        <p:spPr>
          <a:xfrm>
            <a:off x="3723803" y="4591079"/>
            <a:ext cx="4572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BA324F"/>
                </a:solidFill>
                <a:latin typeface="Montserrat Medium" panose="00000600000000000000" pitchFamily="2" charset="0"/>
              </a:rPr>
              <a:t>44 days</a:t>
            </a: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89"/>
            </p:custDataLst>
          </p:nvPr>
        </p:nvSpPr>
        <p:spPr>
          <a:xfrm>
            <a:off x="127000" y="4582887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A324F"/>
                </a:solidFill>
                <a:latin typeface="Century Gothic" panose="020B0502020202020204" pitchFamily="34" charset="0"/>
              </a:rPr>
              <a:t>Task 5 Here</a:t>
            </a:r>
          </a:p>
        </p:txBody>
      </p:sp>
      <p:sp>
        <p:nvSpPr>
          <p:cNvPr id="46905" name="OTLSHAPE_T_dbc50318743f4d6ba995fb3e7b4187d7_JoinedDate"/>
          <p:cNvSpPr txBox="1"/>
          <p:nvPr>
            <p:custDataLst>
              <p:tags r:id="rId90"/>
            </p:custDataLst>
          </p:nvPr>
        </p:nvSpPr>
        <p:spPr>
          <a:xfrm>
            <a:off x="6196987" y="4920876"/>
            <a:ext cx="6731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10/13 - 11/8</a:t>
            </a:r>
            <a:endParaRPr lang="en-US" sz="900" b="1" spc="-2" dirty="0">
              <a:solidFill>
                <a:schemeClr val="lt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6" name="OTLSHAPE_T_dbc50318743f4d6ba995fb3e7b4187d7_Duration"/>
          <p:cNvSpPr txBox="1"/>
          <p:nvPr>
            <p:custDataLst>
              <p:tags r:id="rId91"/>
            </p:custDataLst>
          </p:nvPr>
        </p:nvSpPr>
        <p:spPr>
          <a:xfrm>
            <a:off x="5516766" y="4921279"/>
            <a:ext cx="4318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175676"/>
                </a:solidFill>
                <a:latin typeface="Montserrat Medium" panose="00000600000000000000" pitchFamily="2" charset="0"/>
              </a:rPr>
              <a:t>27 days</a:t>
            </a: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92"/>
            </p:custDataLst>
          </p:nvPr>
        </p:nvSpPr>
        <p:spPr>
          <a:xfrm>
            <a:off x="127000" y="4913087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A324F"/>
                </a:solidFill>
                <a:latin typeface="Century Gothic" panose="020B0502020202020204" pitchFamily="34" charset="0"/>
              </a:rPr>
              <a:t>Task 8 Here</a:t>
            </a:r>
          </a:p>
        </p:txBody>
      </p:sp>
      <p:sp>
        <p:nvSpPr>
          <p:cNvPr id="46913" name="OTLSHAPE_T_d45e8f651eb34241b7613d55f188f72e_JoinedDate"/>
          <p:cNvSpPr txBox="1"/>
          <p:nvPr>
            <p:custDataLst>
              <p:tags r:id="rId93"/>
            </p:custDataLst>
          </p:nvPr>
        </p:nvSpPr>
        <p:spPr>
          <a:xfrm>
            <a:off x="7083838" y="5251076"/>
            <a:ext cx="6731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 dirty="0">
                <a:solidFill>
                  <a:schemeClr val="lt2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46914" name="OTLSHAPE_T_d45e8f651eb34241b7613d55f188f72e_Duration"/>
          <p:cNvSpPr txBox="1"/>
          <p:nvPr>
            <p:custDataLst>
              <p:tags r:id="rId94"/>
            </p:custDataLst>
          </p:nvPr>
        </p:nvSpPr>
        <p:spPr>
          <a:xfrm>
            <a:off x="6128366" y="5251479"/>
            <a:ext cx="471508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BA324F"/>
                </a:solidFill>
                <a:latin typeface="Montserrat Medium" panose="00000600000000000000" pitchFamily="2" charset="0"/>
              </a:rPr>
              <a:t>40 days</a:t>
            </a: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95"/>
            </p:custDataLst>
          </p:nvPr>
        </p:nvSpPr>
        <p:spPr>
          <a:xfrm>
            <a:off x="127000" y="5243287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A324F"/>
                </a:solidFill>
                <a:latin typeface="Century Gothic" panose="020B0502020202020204" pitchFamily="34" charset="0"/>
              </a:rPr>
              <a:t>Task 9 Here</a:t>
            </a:r>
          </a:p>
        </p:txBody>
      </p:sp>
      <p:sp>
        <p:nvSpPr>
          <p:cNvPr id="46921" name="OTLSHAPE_T_3a4a23b568c54ea58c3d039b8ca1da1b_JoinedDate"/>
          <p:cNvSpPr txBox="1"/>
          <p:nvPr>
            <p:custDataLst>
              <p:tags r:id="rId96"/>
            </p:custDataLst>
          </p:nvPr>
        </p:nvSpPr>
        <p:spPr>
          <a:xfrm>
            <a:off x="7367159" y="5581276"/>
            <a:ext cx="736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11/10 - 12/11</a:t>
            </a:r>
          </a:p>
        </p:txBody>
      </p:sp>
      <p:sp>
        <p:nvSpPr>
          <p:cNvPr id="46922" name="OTLSHAPE_T_3a4a23b568c54ea58c3d039b8ca1da1b_Duration"/>
          <p:cNvSpPr txBox="1"/>
          <p:nvPr>
            <p:custDataLst>
              <p:tags r:id="rId97"/>
            </p:custDataLst>
          </p:nvPr>
        </p:nvSpPr>
        <p:spPr>
          <a:xfrm>
            <a:off x="6623621" y="5581679"/>
            <a:ext cx="4318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175676"/>
                </a:solidFill>
                <a:latin typeface="Montserrat Medium" panose="00000600000000000000" pitchFamily="2" charset="0"/>
              </a:rPr>
              <a:t>32 days</a:t>
            </a: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98"/>
            </p:custDataLst>
          </p:nvPr>
        </p:nvSpPr>
        <p:spPr>
          <a:xfrm>
            <a:off x="127000" y="5573487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BA324F"/>
                </a:solidFill>
                <a:latin typeface="Century Gothic" panose="020B0502020202020204" pitchFamily="34" charset="0"/>
              </a:rPr>
              <a:t>Task 10 Here</a:t>
            </a:r>
          </a:p>
        </p:txBody>
      </p:sp>
      <p:sp>
        <p:nvSpPr>
          <p:cNvPr id="46929" name="OTLSHAPE_T_50df4adda29a494cbe0e9e846865986b_JoinedDate"/>
          <p:cNvSpPr txBox="1"/>
          <p:nvPr>
            <p:custDataLst>
              <p:tags r:id="rId99"/>
            </p:custDataLst>
          </p:nvPr>
        </p:nvSpPr>
        <p:spPr>
          <a:xfrm>
            <a:off x="8712174" y="5911476"/>
            <a:ext cx="6096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12/5 - 1/20</a:t>
            </a:r>
          </a:p>
        </p:txBody>
      </p:sp>
      <p:sp>
        <p:nvSpPr>
          <p:cNvPr id="46930" name="OTLSHAPE_T_50df4adda29a494cbe0e9e846865986b_Duration"/>
          <p:cNvSpPr txBox="1"/>
          <p:nvPr>
            <p:custDataLst>
              <p:tags r:id="rId100"/>
            </p:custDataLst>
          </p:nvPr>
        </p:nvSpPr>
        <p:spPr>
          <a:xfrm>
            <a:off x="7599993" y="5911879"/>
            <a:ext cx="4445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12" dirty="0">
                <a:solidFill>
                  <a:srgbClr val="BA324F"/>
                </a:solidFill>
                <a:latin typeface="Montserrat Medium" panose="00000600000000000000" pitchFamily="2" charset="0"/>
              </a:rPr>
              <a:t>47 days</a:t>
            </a: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101"/>
            </p:custDataLst>
          </p:nvPr>
        </p:nvSpPr>
        <p:spPr>
          <a:xfrm>
            <a:off x="127000" y="5903687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BA324F"/>
                </a:solidFill>
                <a:latin typeface="Century Gothic" panose="020B0502020202020204" pitchFamily="34" charset="0"/>
              </a:rPr>
              <a:t>Task 11 Here</a:t>
            </a:r>
          </a:p>
        </p:txBody>
      </p:sp>
      <p:sp>
        <p:nvSpPr>
          <p:cNvPr id="46937" name="OTLSHAPE_T_eb954275c5b54be590bee3d17b0ce8a3_JoinedDate"/>
          <p:cNvSpPr txBox="1"/>
          <p:nvPr>
            <p:custDataLst>
              <p:tags r:id="rId102"/>
            </p:custDataLst>
          </p:nvPr>
        </p:nvSpPr>
        <p:spPr>
          <a:xfrm>
            <a:off x="9808399" y="6241676"/>
            <a:ext cx="5461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lt2"/>
                </a:solidFill>
                <a:latin typeface="Century Gothic" panose="020B0502020202020204" pitchFamily="34" charset="0"/>
              </a:rPr>
              <a:t>1/2 - 2/15</a:t>
            </a:r>
          </a:p>
        </p:txBody>
      </p:sp>
      <p:sp>
        <p:nvSpPr>
          <p:cNvPr id="46938" name="OTLSHAPE_T_eb954275c5b54be590bee3d17b0ce8a3_Duration"/>
          <p:cNvSpPr txBox="1"/>
          <p:nvPr>
            <p:custDataLst>
              <p:tags r:id="rId103"/>
            </p:custDataLst>
          </p:nvPr>
        </p:nvSpPr>
        <p:spPr>
          <a:xfrm>
            <a:off x="8701343" y="6242079"/>
            <a:ext cx="437056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rgbClr val="175676"/>
                </a:solidFill>
                <a:latin typeface="Montserrat Medium" panose="00000600000000000000" pitchFamily="2" charset="0"/>
              </a:rPr>
              <a:t>45 days</a:t>
            </a: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104"/>
            </p:custDataLst>
          </p:nvPr>
        </p:nvSpPr>
        <p:spPr>
          <a:xfrm>
            <a:off x="127000" y="6233887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BA324F"/>
                </a:solidFill>
                <a:latin typeface="Century Gothic" panose="020B0502020202020204" pitchFamily="34" charset="0"/>
              </a:rPr>
              <a:t>Task 12 Here</a:t>
            </a:r>
          </a:p>
        </p:txBody>
      </p:sp>
      <p:sp>
        <p:nvSpPr>
          <p:cNvPr id="46879" name="OTLSHAPE_T_9cde6d5d307b4df7b1464248cab7fef6_Duration">
            <a:extLst>
              <a:ext uri="{FF2B5EF4-FFF2-40B4-BE49-F238E27FC236}">
                <a16:creationId xmlns:a16="http://schemas.microsoft.com/office/drawing/2014/main" id="{757D608B-2644-BA5D-BBBE-D4DA73B229D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82525" y="4260879"/>
            <a:ext cx="444500" cy="139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12" dirty="0">
                <a:solidFill>
                  <a:srgbClr val="175676"/>
                </a:solidFill>
                <a:latin typeface="Montserrat Medium" panose="00000600000000000000" pitchFamily="2" charset="0"/>
              </a:rPr>
              <a:t>47 days</a:t>
            </a:r>
          </a:p>
        </p:txBody>
      </p:sp>
      <p:sp>
        <p:nvSpPr>
          <p:cNvPr id="46847" name="OTLSHAPE_M_f03de49e98d34b15881cebc29ed3eaf9_Shape"/>
          <p:cNvSpPr/>
          <p:nvPr>
            <p:custDataLst>
              <p:tags r:id="rId106"/>
            </p:custDataLst>
          </p:nvPr>
        </p:nvSpPr>
        <p:spPr>
          <a:xfrm>
            <a:off x="3635130" y="2183942"/>
            <a:ext cx="152400" cy="177800"/>
          </a:xfrm>
          <a:prstGeom prst="flowChartManualOperation">
            <a:avLst/>
          </a:prstGeom>
          <a:solidFill>
            <a:srgbClr val="D6283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0" name="OTLSHAPE_M_63da6123fb43419aa85eb83df0c979f6_Shape"/>
          <p:cNvSpPr/>
          <p:nvPr>
            <p:custDataLst>
              <p:tags r:id="rId107"/>
            </p:custDataLst>
          </p:nvPr>
        </p:nvSpPr>
        <p:spPr>
          <a:xfrm>
            <a:off x="7064286" y="2183942"/>
            <a:ext cx="152400" cy="177800"/>
          </a:xfrm>
          <a:prstGeom prst="parallelogram">
            <a:avLst/>
          </a:prstGeom>
          <a:solidFill>
            <a:srgbClr val="92A8AE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3" name="OTLSHAPE_M_dbb50f5633bf443f924a9b2a6c194bf9_Shape"/>
          <p:cNvSpPr/>
          <p:nvPr>
            <p:custDataLst>
              <p:tags r:id="rId108"/>
            </p:custDataLst>
          </p:nvPr>
        </p:nvSpPr>
        <p:spPr>
          <a:xfrm rot="5400000">
            <a:off x="11121689" y="1104053"/>
            <a:ext cx="165100" cy="165100"/>
          </a:xfrm>
          <a:prstGeom prst="flowChartMerge">
            <a:avLst/>
          </a:prstGeom>
          <a:solidFill>
            <a:srgbClr val="4BA3C3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9" name="OTLSHAPE_M_d86e152a27904588aa6294779e1dfbe9_Shape"/>
          <p:cNvSpPr/>
          <p:nvPr>
            <p:custDataLst>
              <p:tags r:id="rId109"/>
            </p:custDataLst>
          </p:nvPr>
        </p:nvSpPr>
        <p:spPr>
          <a:xfrm>
            <a:off x="10337095" y="2107742"/>
            <a:ext cx="228600" cy="254000"/>
          </a:xfrm>
          <a:prstGeom prst="downArrow">
            <a:avLst/>
          </a:prstGeom>
          <a:solidFill>
            <a:srgbClr val="BA324F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e1997830e9164f1897ba2794adf520f5_Shape">
            <a:extLst>
              <a:ext uri="{FF2B5EF4-FFF2-40B4-BE49-F238E27FC236}">
                <a16:creationId xmlns:a16="http://schemas.microsoft.com/office/drawing/2014/main" id="{BB8F83BE-319B-CE8E-B768-6EB62BD7EA17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rot="16200000">
            <a:off x="1456975" y="1083955"/>
            <a:ext cx="165100" cy="165100"/>
          </a:xfrm>
          <a:prstGeom prst="flowChartMerge">
            <a:avLst/>
          </a:prstGeom>
          <a:solidFill>
            <a:srgbClr val="4BA3C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45" name="OTLSHAPE_M_f03de49e98d34b15881cebc29ed3eaf9_Title"/>
          <p:cNvSpPr txBox="1"/>
          <p:nvPr>
            <p:custDataLst>
              <p:tags r:id="rId111"/>
            </p:custDataLst>
          </p:nvPr>
        </p:nvSpPr>
        <p:spPr>
          <a:xfrm>
            <a:off x="3293838" y="1991759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u="sng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46848" name="OTLSHAPE_M_63da6123fb43419aa85eb83df0c979f6_Title"/>
          <p:cNvSpPr txBox="1"/>
          <p:nvPr>
            <p:custDataLst>
              <p:tags r:id="rId112"/>
            </p:custDataLst>
          </p:nvPr>
        </p:nvSpPr>
        <p:spPr>
          <a:xfrm>
            <a:off x="6722995" y="1991759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u="sng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46851" name="OTLSHAPE_M_dbb50f5633bf443f924a9b2a6c194bf9_Title"/>
          <p:cNvSpPr txBox="1"/>
          <p:nvPr>
            <p:custDataLst>
              <p:tags r:id="rId113"/>
            </p:custDataLst>
          </p:nvPr>
        </p:nvSpPr>
        <p:spPr>
          <a:xfrm>
            <a:off x="10286706" y="1015323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u="sng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46854" name="OTLSHAPE_M_e1997830e9164f1897ba2794adf520f5_Title"/>
          <p:cNvSpPr txBox="1"/>
          <p:nvPr>
            <p:custDataLst>
              <p:tags r:id="rId114"/>
            </p:custDataLst>
          </p:nvPr>
        </p:nvSpPr>
        <p:spPr>
          <a:xfrm>
            <a:off x="1615725" y="99522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u="sng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46852" name="OTLSHAPE_M_dbb50f5633bf443f924a9b2a6c194bf9_Date"/>
          <p:cNvSpPr txBox="1"/>
          <p:nvPr>
            <p:custDataLst>
              <p:tags r:id="rId115"/>
            </p:custDataLst>
          </p:nvPr>
        </p:nvSpPr>
        <p:spPr>
          <a:xfrm>
            <a:off x="10507009" y="1202182"/>
            <a:ext cx="622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 dirty="0">
                <a:solidFill>
                  <a:srgbClr val="BA324F"/>
                </a:solidFill>
                <a:latin typeface="Century Gothic" panose="020B0502020202020204" pitchFamily="34" charset="0"/>
              </a:rPr>
              <a:t>2/24/2025</a:t>
            </a:r>
          </a:p>
        </p:txBody>
      </p:sp>
      <p:sp>
        <p:nvSpPr>
          <p:cNvPr id="46855" name="OTLSHAPE_M_e1997830e9164f1897ba2794adf520f5_Date"/>
          <p:cNvSpPr txBox="1"/>
          <p:nvPr>
            <p:custDataLst>
              <p:tags r:id="rId116"/>
            </p:custDataLst>
          </p:nvPr>
        </p:nvSpPr>
        <p:spPr>
          <a:xfrm>
            <a:off x="1615725" y="1182084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BA324F"/>
                </a:solidFill>
                <a:latin typeface="Century Gothic" panose="020B0502020202020204" pitchFamily="34" charset="0"/>
              </a:rPr>
              <a:t>6/18/2024</a:t>
            </a:r>
            <a:endParaRPr lang="en-US" sz="1000" b="1" spc="-10" dirty="0">
              <a:solidFill>
                <a:srgbClr val="BA324F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57" name="OTLSHAPE_M_d86e152a27904588aa6294779e1dfbe9_Title"/>
          <p:cNvSpPr txBox="1"/>
          <p:nvPr>
            <p:custDataLst>
              <p:tags r:id="rId117"/>
            </p:custDataLst>
          </p:nvPr>
        </p:nvSpPr>
        <p:spPr>
          <a:xfrm>
            <a:off x="10033905" y="192088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u="sng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46839" name="TextBox 46838">
            <a:extLst>
              <a:ext uri="{FF2B5EF4-FFF2-40B4-BE49-F238E27FC236}">
                <a16:creationId xmlns:a16="http://schemas.microsoft.com/office/drawing/2014/main" id="{18F9E56A-FA9D-5106-B6B2-8E4E7A51AE25}"/>
              </a:ext>
            </a:extLst>
          </p:cNvPr>
          <p:cNvSpPr txBox="1"/>
          <p:nvPr/>
        </p:nvSpPr>
        <p:spPr>
          <a:xfrm>
            <a:off x="3110741" y="519177"/>
            <a:ext cx="597051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Free Gantt Chart Template</a:t>
            </a:r>
          </a:p>
        </p:txBody>
      </p:sp>
      <p:pic>
        <p:nvPicPr>
          <p:cNvPr id="49" name="Picture 48" descr="Icon&#10;&#10;Description automatically generated">
            <a:extLst>
              <a:ext uri="{FF2B5EF4-FFF2-40B4-BE49-F238E27FC236}">
                <a16:creationId xmlns:a16="http://schemas.microsoft.com/office/drawing/2014/main" id="{AC79A470-0C98-907D-F21D-2C322C5E63B4}"/>
              </a:ext>
            </a:extLst>
          </p:cNvPr>
          <p:cNvPicPr>
            <a:picLocks noChangeAspect="1"/>
          </p:cNvPicPr>
          <p:nvPr/>
        </p:nvPicPr>
        <p:blipFill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254685" y="4525053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73640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0LjEuMCIsIk9yaWdpbmFsQXNzZW1ibHlWZXJzaW9uIjoiMS4wMC4wMC4wMCIsIkVkaXRpb24iOiJQbHVzIiwiTGFzdFNhdmVkRWRpdGlvbiI6NCwiSXNQbHVzRWRpdGlvbiI6dHJ1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xLCJTaGFwZSI6MT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yMywiRyI6ODYsIkIiOjExOH19LCJJc1Zpc2libGUiOnRydWUsIldpZHRoIjo4NTguMCwiSGVpZ2h0IjoxNC4zOTk5OTk2MTg1MzAyNzM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Q5In19LCJJc1Zpc2libGUiOnRydWUsIldpZHRoIjowLjAsIkhlaWdodCI6MC4wLCJCb3JkZXJTdHlsZSI6bnVsbCwiUGFyZW50U3R5bGUiOm51bGx9LCJUb2RheU1hcmtlcl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udWxsLCJQYXJlbnRTdHlsZSI6bnVsbH0sIkRhdGVTdHlsZSI6eyIkaWQiOiIxNDIiLCJGb250U2V0dGluZ3MiOnsiJGlkIjoiMTQzIiwiRm9udFNpemUiOjEwLCJGb250TmFtZSI6IkNlbnR1cnkgR290aGljIiwiSXNCb2xkIjp0cnVlLCJJc0l0YWxpYyI6ZmFsc2UsIklzVW5kZXJsaW5lZCI6ZmFsc2UsIlBhcmVudFN0eWxlIjpudWxsfSwiQXV0b1NpemUiOjAsIkZvcmVncm91bmQiOnsiJGlkIjoiMTQ0IiwiQ29sb3IiOnsiJGlkIjoiMTQ1IiwiQSI6MjU1LCJSIjoxODYsIkciOjUwLCJCIjo3OX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AsIlIiOjI1NSwiRyI6MjU1LCJCIjoyNTV9fSwiSXNWaXNpYmxlIjp0cnVlLCJXaWR0aCI6MC4wLCJIZWlnaHQiOjAuMCwiQm9yZGVyU3R5bGUiOm51bGwsIlBhcmVudFN0eWxlIjpudWxsfSwiRGF0ZUZvcm1hdCI6eyIkaWQiOiIxNTA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xNTEiLCJEYXRlUGFydElzVmlzaWJsZSI6ZmFsc2UsIlRpbWVQYXJ0SXNWaXNpYmxlIjpmYWxzZX19LCJXZWVrTnVtYmVyaW5nIjp7IiRpZCI6IjE1MiIsIkZvcm1hdCI6MCwiSXNWaXNpYmxlIjpmYWxzZSwiTGFzdEtub3duVmlzaWJpbGl0eVN0YXRlIjpmYWxzZX0sIklzVmlzaWJsZSI6dHJ1ZSwiUGFyZW50U3R5bGUiOm51bGx9LCJEZWZhdWx0VGFza1N0eWxlIjp7IiRpZCI6IjE1MyIsIlNoYXBlIjozLCJTaGFwZVRoaWNrbmVzcyI6MSwiRHVyYXRpb25Gb3JtYXQiOjAsIkluY2x1ZGVOb25Xb3JraW5nRGF5c0luRHVyYXRpb24iOnRydW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aWQiOiIxN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MCwiUiI6MjU1LCJHIjoyNTUsIkIiOjI1NX19LCJJc1Zpc2libGUiOnRydWUsIldpZHRoIjowLjAsIkhlaWdodCI6MC4wLCJCb3JkZXJTdHlsZSI6bnVsbCwiUGFyZW50U3R5bGUiOm51bGx9LCJEYXRlU3R5bGUiOnsiJGlkIjoiMTkyIiwiRm9udFNldHRpbmdzIjp7IiRpZCI6IjE5MyIsIkZvbnRTaXplIjo5LCJGb250TmFtZSI6IkNlbnR1cnkgR290aGljIiwiSXNCb2xkIjp0cnVlLCJJc0l0YWxpYyI6ZmFsc2UsIklzVW5kZXJsaW5lZCI6ZmFsc2UsIlBhcmVudFN0eWxlIjpudWxsfSwiQXV0b1NpemUiOjAsIkZvcmVncm91bmQiOnsiJGlkIjoiMTk0IiwiQ29sb3IiOnsiJGlkIjoiMTk1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bnVsbCwiUGFyZW50U3R5bGUiOm51bGx9LCJEYXRlU3R5bGUiOnsiJGlkIjoiMjIxIiwiRm9udFNldHRpbmdzIjp7IiRpZCI6IjIyMiIsIkZvbnRTaXplIjoxMCwiRm9udE5hbWUiOiJDZW50dXJ5IEdvdGhpYyIsIklzQm9sZCI6dHJ1ZSwiSXNJdGFsaWMiOmZhbHNlLCJJc1VuZGVybGluZWQiOmZhbHNlLCJQYXJlbnRTdHlsZSI6bnVsbH0sIkF1dG9TaXplIjowLCJGb3JlZ3JvdW5kIjp7IiRpZCI6IjIyMyIsIkNvbG9yIjp7IiRpZCI6IjIyNCIsIkEiOjI1NSwiUiI6MTg2LCJHIjo1MCwiQiI6Nzl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aWQiOiIyMjgiLCJBIjo4OSwiUiI6MCwiRyI6MCwiQiI6MH19LCJJc1Zpc2libGUiOnRydWUsIldpZHRoIjowLjAsIkhlaWdodCI6MC4wLCJCb3JkZXJTdHlsZSI6bnVsbCwiUGFyZW50U3R5bGUiOm51bGx9LCJEYXRlRm9ybWF0Ijp7IiRpZCI6IjIy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bnVsbCwiSXNWaXNpYmxlIjp0cnVlLCJXaWR0aCI6MC4wLCJIZWlnaHQiOjAuMCwiQm9yZGVyU3R5bGUiOm51bGwsIlBhcmVudFN0eWxlIjpudWxsfSwiUmVjdGFuZ2xlU3R5bGUiOnsiJGlkIjoiMjYyIiwiTWFyZ2luIjp7IiRpZCI6IjI2MyIsIlRvcCI6MC4wLCJMZWZ0IjowLjAsIlJpZ2h0IjowLjAsIkJvdHRvbSI6MC4wfSwiUGFkZGluZyI6eyIkaWQiOiIyNjQiLCJUb3AiOjAuMCwiTGVmdCI6MC4wLCJSaWdodCI6MC4wLCJCb3R0b20iOjAuMH0sIkJhY2tncm91bmQiOnsiJGlkIjoiMjY1IiwiQ29sb3IiOnsiJGlkIjoiMjY2IiwiQSI6MTI3LCJSIjo5MSwiRyI6MTU1LCJCIjoyMTN9fSwiSXNWaXNpYmxlIjp0cnVlLCJXaWR0aCI6MC4wLCJIZWlnaHQiOjA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GlkIjoiMzE2IiwiQSI6ODksIlIiOjAsIkciOjAsIkIiOjB9fSwiSXNWaXNpYmxlIjp0cnVlLCJXaWR0aCI6MC4wLCJIZWlnaHQiOjAuMCwiQm9yZGVyU3R5bGUiOm51bGwsIlBhcmVudFN0eWxlIjpudWxsfSwiRHVyYXRpb25TdHlsZSI6eyIkaWQiOiIzMTciLCJGb250U2V0dGluZ3MiOnsiJGlkIjoiMzE4IiwiRm9udFNpemUiOjksIkZvbnROYW1lIjoiTW9udHNlcnJhdCBNZWRpdW0iLCJJc0JvbGQiOmZhbHNlLCJJc0l0YWxpYyI6ZmFsc2UsIklzVW5kZXJsaW5lZCI6ZmFsc2UsIlBhcmVudFN0eWxlIjpudWxsfSwiQXV0b1NpemUiOjAsIkZvcmVncm91bmQiOnsiJGlkIjoiMzE5IiwiQ29sb3IiOnsiJGlkIjoiMzI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AiLCJNYXJnaW4iOnsiJGlkIjoiMzMxIiwiVG9wIjowLjAsIkxlZnQiOjQuMCwiUmlnaHQiOjQuMCwiQm90dG9tIjowLjB9LCJQYWRkaW5nIjp7IiRpZCI6IjMzMiIsIlRvcCI6MC4wLCJMZWZ0IjowLjAsIlJpZ2h0IjowLjAsIkJvdHRvbSI6MC4wfSwiQmFja2dyb3VuZCI6eyIkaWQiOiIzMzMiLCJDb2xvciI6eyIkaWQiOiIzMzQiLCJBIjoyNTUsIlIiOjE4NiwiRyI6NTAsIkIiOjc5fX0sIklzVmlzaWJsZSI6dHJ1ZSwiV2lkdGgiOjAuMCwiSGVpZ2h0IjoxNi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UaXRsZVN0eWxlIjp7IiRpZCI6IjMzOCIsIkZvbnRTZXR0aW5ncyI6eyIkaWQiOiIzMzkiLCJGb250U2l6ZSI6MTAsIkZvbnROYW1lIjoiQ2VudHVyeSBHb3RoaWMiLCJJc0JvbGQiOnRydWUsIklzSXRhbGljIjpmYWxzZSwiSXNVbmRlcmxpbmVkIjpmYWxzZSwiUGFyZW50U3R5bGUiOm51bGx9LCJBdXRvU2l6ZSI6MCwiRm9yZWdyb3VuZCI6eyIkaWQiOiIzNDAiLCJDb2xvciI6eyIkaWQiOiIzNDEiLCJBIjoyNTUsIlIiOjIzLCJHIjo4NiwiQiI6MTE4fX0sIk1heFdpZHRoIjoyMDAuMCwiTWF4SGVpZ2h0IjoiSW5maW5pdHkiLCJTbWFydEZvcmVncm91bmRJc0FjdGl2ZSI6ZmFsc2UsIkhvcml6b250YWxBbGlnbm1lbnQiOjI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HJlZiI6IjMxNiJ9fSwiSXNWaXNpYmxlIjp0cnVlLCJXaWR0aCI6MC4wLCJIZWlnaHQiOjAuMCwiQm9yZGVyU3R5bGUiOm51bGwsIlBhcmVudFN0eWxlIjpudWxsfSwiRGF0ZVN0eWxlIjp7IiRpZCI6IjM0NSIsIkZvbnRTZXR0aW5ncyI6eyIkaWQiOiIzNDYiLCJGb250U2l6ZSI6MTIsIkZvbnROYW1lIjoiQ2FsaWJyaSIsIklzQm9sZCI6ZmFsc2UsIklzSXRhbGljIjpmYWxzZSwiSXNVbmRlcmxpbmVkIjpmYWxzZSwiUGFyZW50U3R5bGUiOm51bGx9LCJBdXRvU2l6ZSI6MCwiRm9yZWdyb3VuZCI6eyIkaWQiOiIzNDciLCJDb2xvciI6eyIkaWQiOiIzND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g5LCJSIjowLCJHIjowLCJCIjowfX0sIklzVmlzaWJsZSI6dHJ1ZSwiV2lkdGgiOjAuMCwiSGVpZ2h0IjowLjAsIkJvcmRlclN0eWxlIjpudWxsLCJQYXJlbnRTdHlsZSI6bnVsbH0sIkRhdGVTdHlsZSI6eyIkaWQiOiIzNzgiLCJGb250U2V0dGluZ3MiOnsiJGlkIjoiMzc5IiwiRm9udFNpemUiOjEwLCJGb250TmFtZSI6IkNlbnR1cnkgR290aGljIiwiSXNCb2xkIjp0cnVlLCJJc0l0YWxpYyI6ZmFsc2UsIklzVW5kZXJsaW5lZCI6ZmFsc2UsIlBhcmVudFN0eWxlIjpudWxsfSwiQXV0b1NpemUiOjAsIkZvcmVncm91bmQiOnsiJGlkIjoiMzgwIiwiQ29sb3IiOnsiJGlkIjoiMzgxIiwiQSI6MjU1LCJSIjoxODYsIkciOjUwLCJCIjo3OX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yZWYiOiIzNzcifX0sIklzVmlzaWJsZSI6dHJ1ZSwiV2lkdGgiOjAuMCwiSGVpZ2h0IjowLjAsIkJvcmRlclN0eWxlIjpudWxsLCJQYXJlbnRTdHlsZSI6bnVsbH0sIkRhdGVGb3JtYXQiOnsiJGlkIjoiMzg1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m51bGwsIlBhcmVudFN0eWxlIjpudWxsfSwiRGF0ZVN0eWxlIjp7IiRpZCI6IjQwNSIsIkZvbnRTZXR0aW5ncyI6eyIkaWQiOiI0MDYiLCJGb250U2l6ZSI6MTAsIkZvbnROYW1lIjoiQ2VudHVyeSBHb3RoaWMiLCJJc0JvbGQiOnRydWUsIklzSXRhbGljIjpmYWxzZSwiSXNVbmRlcmxpbmVkIjpmYWxzZSwiUGFyZW50U3R5bGUiOm51bGx9LCJBdXRvU2l6ZSI6MCwiRm9yZWdyb3VuZCI6eyIkaWQiOiI0MDciLCJDb2xvciI6eyIkaWQiOiI0MDgiLCJBIjoyNTUsIlIiOjE4NiwiRyI6NTAsIkIiOjc5fX0sIk1heFdpZHRoIjoyMDAuMCwiTWF4SGVpZ2h0IjoiSW5maW5pdHki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nsiJGlkIjoiNDExIiwiQ29sb3IiOnsiJGlkIjoiNDEyIiwiQSI6ODksIlIiOjAsIkciOjAsIkIiOjB9fSwiSXNWaXNpYmxlIjp0cnVlLCJXaWR0aCI6MC4wLCJIZWlnaHQiOjAuMCwiQm9yZGVyU3R5bGUiOm51bGwsIlBhcmVudFN0eWxlIjpudWxsfSwiRGF0ZUZvcm1hdCI6eyIkaWQiOiI0MT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bnVsbCwiSXNWaXNpYmxlIjp0cnVlLCJXaWR0aCI6MC4wLCJIZWlnaHQiOjAuMCwiQm9yZGVyU3R5bGUiOm51bGwsIlBhcmVudFN0eWxlIjpudWxsfSwiUmVjdGFuZ2xlU3R5bGUiOnsiJGlkIjoiNDI0IiwiTWFyZ2luIjp7IiRpZCI6IjQyNSIsIlRvcCI6MC4wLCJMZWZ0IjowLjAsIlJpZ2h0IjowLjAsIkJvdHRvbSI6MC4wfSwiUGFkZGluZyI6eyIkaWQiOiI0MjYiLCJUb3AiOjAuMCwiTGVmdCI6MC4wLCJSaWdodCI6MC4wLCJCb3R0b20iOjAuMH0sIkJhY2tncm91bmQiOnsiJGlkIjoiNDI3IiwiQ29sb3IiOnsiJGlkIjoiNDI4IiwiQSI6NjMsIlIiOjE4NiwiRyI6NTAsIkIiOjc5fX0sIklzVmlzaWJsZSI6dHJ1ZSwiV2lkdGgiOjAuMCwiSGVpZ2h0Ijo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k1hcmdpbiI6eyIkaWQiOiI0MzIiLCJUb3AiOjAuMCwiTGVmdCI6MC4wLCJSaWdodCI6MC4wLCJCb3R0b20iOjAuMH0sIlBhZGRpbmciOnsiJGlkIjoiNDMzIiwiVG9wIjowLjAsIkxlZnQiOjAuMCwiUmlnaHQiOjAuMCwiQm90dG9tIjowLjB9LCJCYWNrZ3JvdW5kIjpudWxsLCJJc1Zpc2libGUiOnRydWUsIldpZHRoIjowLjAsIkhlaWdodCI6MC4wLCJCb3JkZXJTdHlsZSI6bnVsbCwiUGFyZW50U3R5bGUiOm51bGx9LCJCYWNrZ3JvdW5k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NTEsIlIiOjE4NiwiRyI6NTAsIkIiOjc5fX0sIklzVmlzaWJsZSI6dHJ1ZSwiV2lkdGgiOjAuMCwiSGVpZ2h0Ijow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7IiRyZWYiOiIxNzYifX0sIlRpdGxlU3R5bGUiOnsiJGlkIjoiNjU1IiwiRm9udFNldHRpbmdzIjp7IiRpZCI6IjY1NiIsIkZvbnRTaXplIjoxMCwiRm9udE5hbWUiOiJDZW50dXJ5IEdvdGhpYyIsIklzQm9sZCI6dHJ1ZSwiSXNJdGFsaWMiOmZhbHNlLCJJc1VuZGVybGluZWQiOmZhbHNlLCJQYXJlbnRTdHlsZSI6eyIkcmVmIjoiMTg1In19LCJBdXRvU2l6ZSI6MCwiRm9yZWdyb3VuZCI6eyIkcmVmIjoiMTg2In0sIk1heFdpZHRoIjo1Ni42MjUwMzgxNDY5NzI2NTY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IsIlNvdXJjZVRoZW1lIjoie1wiJGlkXCI6XCIxXCIsXCJJZFwiOlwiYmQzMjQ3OWMtNjgyNS00ZGQ1LWIwZTYtMjg2NTllNjczZWZh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MyLFwiR1wiOjc2LFwiQlwiOjM0fX0sXCJJc1Zpc2libGVcIjp0cnVlLFwiV2lkdGhcIjowLjAsXCJIZWlnaHRcIjowLjAsXCJCb3JkZXJTdHlsZVwiOm51bGx9LFwiVG9kYXlNYXJrZXJQb3NpdGlvblwiOjI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wLFwiRm9udE5hbWVcIjpcIkNlbnR1cnkgR290aGljXCIsXCJJc0JvbGRcIjp0cnV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IzLFwiR1wiOjg2LFwiQlwiOjExO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M4LFwiR1wiOjIzNixcIkJcIjoyMjV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gwLFwiR1wiOjgwLFwiQlwiOjcwfX0sXCJJc1Zpc2libGVcIjpmYWxzZSxcIldpZHRoXCI6MC4wLFwiSGVpZ2h0XCI6MC4wLFwiQm9yZGVyU3R5bGVcIjpudWxsfSxcIlRhc2tTdHlsZVwiOntcIiRpZFwiOlwiNDRcIixcIlNoYXBlXCI6My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MC4wLFwiTGVmdFwiOjA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c1LFwiR1wiOjE2MyxcIkJcIjoxOTV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wLjAsXCJMZWZ0XCI6MC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3NSxcIkdcIjoxNjMsXCJCXCI6MTk1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0YTVkOGQ0My1lMTU5LTRkZjQtOWU4Zi1jM2ViNmM3YWFjOG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ODYsXCJHXCI6NTAsXCJCXCI6Nzl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g2LFwiR1wiOjUwLFwiQlwiOjc5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ODYsXCJHXCI6NTAsXCJCXCI6Nzl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g2LFwiR1wiOjUwLFwiQlwiOjc5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4NixcIkdcIjo1MCxcIkJcIjo3OX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ZW50dXJ5IEdvdGhpY1wiLFwiSXNCb2xkXCI6ZmFsc2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lbnR1cnkgR290aGljXCIsXCJJc0JvbGRcIjp0cnVlLFwiSXNJdGFsaWNcIjpmYWxzZSxcIklzVW5kZXJsaW5lZFwiOmZhbHNlfSxcIkZvcmVncm91bmRcIjp7XCIkaWRcIjpcIjE5MFwiLFwiQ29sb3JcIjp7XCIkaWRcIjpcIjE5MVwiLFwiQVwiOjI1NSxcIlJcIjoxODYsXCJHXCI6NTAsXCJCXCI6Nzl9fSxcIkhvcml6b250YWxBbGlnbm1lbnRcIjowLFwiSXNWaXNpYmxlXCI6dHJ1ZX0sXCJEYXRlRm9ybWF0XCI6e1wiJGlkXCI6XCIxOTJ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5LFwiRm9udE5hbWVcIjpcIk1vbnRzZXJyYXQgTWVkaXVtXCIsXCJJc0JvbGRcIjpmYWxzZSxcIklzSXRhbGljXCI6ZmFsc2UsXCJJc1VuZGVybGluZWRcIjpmYWxzZX0sXCJGb3JlZ3JvdW5kXCI6e1wiJGlkXCI6XCIyMDRcIixcIkNvbG9yXCI6e1wiJGlkXCI6XCIyMDVcIixcIkFcIjoyNTUsXCJSXCI6MCxcIkdcIjowLFwiQlwiOjB9fSxcIkhvcml6b250YWxBbGlnbm1lbnRcIjoy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MTA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4NixcIkdcIjo1MCxcIkJcIjo3OX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4NixcIkdcIjo1MCxcIkJcIjo3OX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MjMsXCJHXCI6ODYsXCJCXCI6MTE4fSxcIkFjY2VudDNcIjp7XCIkaWRcIjpcIjI3N1wiLFwiQVwiOjI1NSxcIlJcIjoxODYsXCJHXCI6NTAsXCJCXCI6Nzl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MDQ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gwNSIsIlVzZVRpbWUiOmZhbHNlLCJXb3JrRGF5U3RhcnQiOiIwMDowMDowMCIsIldvcmtEYXlFbmQiOiIyMzo1OTowMCJ9LCJMYXN0VXNlZFRlbXBsYXRlSWQiOiJjYzI2Zjg2My0yN2NlLTQ4MGUtYTU4OS1iM2YxMmYyZDZlYjAiLCJMYXN0VXNlZFRoZW1lRGV0YWlscyI6eyIkaWQiOiI4MDYiLCJJZCI6ImJkMzI0NzljLTY4MjUtNGRkNS1iMGU2LTI4NjU5ZTY3M2VmYSIsIlRpdGxlIjoiVW50aXRsZWQgdGhlbWUiLCJDYXRlZ29yeSI6Mn0sIkZpcnN0V2Vla09mWWVhciI6MCwiUGxhY2VNaWxlc3RvbmVBdFRoZUJlZ2lubmluZ09mVGhlRGF5IjpmYWxzZSwiRGVwZW5kZW5jeVNjaGVkdWxpbmdTZXR0aW5ncyI6eyIkaWQiOiI4MD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4-08-15T23:59:00.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4-11-10T23:59:00.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5-02-24T23:59:00.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5-02-02T23:59:00.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4-06-18T23:59:00.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5-02-24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5-02-24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5-02-24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06-25T00:00:00.0000000Z"/>
  <p:tag name="OTLENDDATE" val="2024-07-21T23:59:00.0000000Z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07-05T00:00:00.0000000Z"/>
  <p:tag name="OTLENDDATE" val="2024-08-08T23:59:00.0000000Z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07-30T00:00:00.0000000Z"/>
  <p:tag name="OTLENDDATE" val="2024-09-12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08-20T00:00:00.0000000Z"/>
  <p:tag name="OTLENDDATE" val="2024-10-05T23:59:00.0000000Z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08-29T00:00:00.0000000Z"/>
  <p:tag name="OTLENDDATE" val="2024-10-11T23:59:00.0000000Z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10-13T00:00:00.0000000Z"/>
  <p:tag name="OTLENDDATE" val="2024-11-08T23:59:00.0000000Z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10-29T00:00:00.0000000Z"/>
  <p:tag name="OTLENDDATE" val="2024-12-07T23:59:00.0000000Z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11-10T00:00:00.0000000Z"/>
  <p:tag name="OTLENDDATE" val="2024-12-11T23:59:00.0000000Z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4-12-05T00:00:00.0000000Z"/>
  <p:tag name="OTLENDDATE" val="2025-01-20T23:59:00.0000000Z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1-02T00:00:00.0000000Z"/>
  <p:tag name="OTLENDDATE" val="2025-02-15T23:59:00.0000000Z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2</Words>
  <Application>Microsoft Office PowerPoint</Application>
  <PresentationFormat>Widescreen</PresentationFormat>
  <Paragraphs>6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Century Gothic</vt:lpstr>
      <vt:lpstr>Montserrat Medium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9-09T10:00:47Z</dcterms:created>
  <dcterms:modified xsi:type="dcterms:W3CDTF">2024-10-16T14:13:01Z</dcterms:modified>
</cp:coreProperties>
</file>